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9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8-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8-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rotterdam/"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BEAFD7EF-02FA-B475-19B3-203B3EFB85E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34096" y="4702717"/>
            <a:ext cx="1879896" cy="196637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DFA15349-0170-DAEB-4041-755D8520812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18770" y="3528726"/>
            <a:ext cx="1698557" cy="177669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2-08T10:33:05Z</dcterms:modified>
</cp:coreProperties>
</file>